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oermo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schermopname&#10;&#10;Automatisch gegenereerde beschrijving">
            <a:extLst>
              <a:ext uri="{FF2B5EF4-FFF2-40B4-BE49-F238E27FC236}">
                <a16:creationId xmlns:a16="http://schemas.microsoft.com/office/drawing/2014/main" id="{A5BC0E10-4BF8-395D-B915-2711ED5F6A8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057529"/>
            <a:ext cx="2249283" cy="153851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Lettertype, schermopname&#10;&#10;Automatisch gegenereerde beschrijving">
            <a:extLst>
              <a:ext uri="{FF2B5EF4-FFF2-40B4-BE49-F238E27FC236}">
                <a16:creationId xmlns:a16="http://schemas.microsoft.com/office/drawing/2014/main" id="{3D7E8380-9D96-9CE5-1E4D-AF006639C48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93688" y="4082542"/>
            <a:ext cx="1680049" cy="114915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6-04T06:40:02Z</dcterms:modified>
</cp:coreProperties>
</file>